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C:\Users\Escale\Desktop\Boutique Legumes\Fiche tarifs Fruits et Legumes\s51\"/>
    </mc:Choice>
  </mc:AlternateContent>
  <xr:revisionPtr revIDLastSave="0" documentId="13_ncr:1_{D9B120E7-24F2-4F4E-A0B6-4E3ABDECB50F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LEGUMES" sheetId="1" r:id="rId1"/>
    <sheet name="FRUITS" sheetId="2" r:id="rId2"/>
  </sheets>
  <definedNames>
    <definedName name="_xlnm._FilterDatabase" localSheetId="0" hidden="1">LEGUMES!$A$1:$D$26</definedName>
    <definedName name="_xlnm.Print_Area" localSheetId="0">LEGUMES!$A$1:$D$2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11" uniqueCount="91">
  <si>
    <t>PRODUITS</t>
  </si>
  <si>
    <t>PROVENANCE</t>
  </si>
  <si>
    <t>PRIX</t>
  </si>
  <si>
    <t>COMMANDE</t>
  </si>
  <si>
    <t xml:space="preserve">AIL </t>
  </si>
  <si>
    <t>France</t>
  </si>
  <si>
    <t>€/kg</t>
  </si>
  <si>
    <t>Pour passer commande :</t>
  </si>
  <si>
    <t>Jardin</t>
  </si>
  <si>
    <t>Envoyer votre liste de course à l'adresse :</t>
  </si>
  <si>
    <t>administration@escale-vittel.fr</t>
  </si>
  <si>
    <t>en précisant les quantités et le jour de retrait souhaités</t>
  </si>
  <si>
    <t>Comptez 48h pour nous laisser le temps de faire les cueillettes</t>
  </si>
  <si>
    <t>€/pc</t>
  </si>
  <si>
    <t>ECHALOTE</t>
  </si>
  <si>
    <t>PATATE DOUCE</t>
  </si>
  <si>
    <t>SAC A POIGNEES KRAFT BRUN</t>
  </si>
  <si>
    <t>0,50 €/pc</t>
  </si>
  <si>
    <t>SAC EN TISSU VITTEL</t>
  </si>
  <si>
    <t>3 €/pc</t>
  </si>
  <si>
    <t>Citron jaune</t>
  </si>
  <si>
    <t>Kiwi vert</t>
  </si>
  <si>
    <t>Vosges</t>
  </si>
  <si>
    <t>Orange</t>
  </si>
  <si>
    <t>FRUITS SECS</t>
  </si>
  <si>
    <t>Abricots secs</t>
  </si>
  <si>
    <t>Turquie</t>
  </si>
  <si>
    <t>Figues sèches</t>
  </si>
  <si>
    <t>Vietnam</t>
  </si>
  <si>
    <t>BOISSONS</t>
  </si>
  <si>
    <t>€/bouteille</t>
  </si>
  <si>
    <t>Nectar de mirabelles (75cl)</t>
  </si>
  <si>
    <t>CONSERVES ET AUTRES</t>
  </si>
  <si>
    <t>Betteraves au vinaigre (330 g)</t>
  </si>
  <si>
    <t>Légumes du Jardin</t>
  </si>
  <si>
    <t>€/bocal</t>
  </si>
  <si>
    <t>Confiture de courgettes vertes (110g)</t>
  </si>
  <si>
    <t>Coulis de tomates (50cl)</t>
  </si>
  <si>
    <t>Mélange pour taboulé  (330g)</t>
  </si>
  <si>
    <t>Pickles de courgettes (330g)</t>
  </si>
  <si>
    <t>Sel fou</t>
  </si>
  <si>
    <t>Soupe de courges (1l)</t>
  </si>
  <si>
    <t>Soupe de courgettes (50cl)</t>
  </si>
  <si>
    <t>Tartinade (ail des ours, tomate)</t>
  </si>
  <si>
    <t>Tomates concassées (330g)</t>
  </si>
  <si>
    <t>Velouté de courgettes</t>
  </si>
  <si>
    <t>Alsace</t>
  </si>
  <si>
    <t>Kéfir 33 cl</t>
  </si>
  <si>
    <t>OIGNON jaune</t>
  </si>
  <si>
    <t>BETTERAVES</t>
  </si>
  <si>
    <t>Pomelos</t>
  </si>
  <si>
    <t>CAROTTE</t>
  </si>
  <si>
    <t>CHOU ROUGE</t>
  </si>
  <si>
    <t>NAVETS</t>
  </si>
  <si>
    <t>OIGNON rouge</t>
  </si>
  <si>
    <t>CHOU FLEUR</t>
  </si>
  <si>
    <t>COURGES (spaghetti, potiron, butternut…)</t>
  </si>
  <si>
    <t>CHOU FRISE</t>
  </si>
  <si>
    <t>COURGES potimarron</t>
  </si>
  <si>
    <t>Espagne</t>
  </si>
  <si>
    <t>Clémentine</t>
  </si>
  <si>
    <t>Tunisie</t>
  </si>
  <si>
    <t>POIREAU</t>
  </si>
  <si>
    <t>CHOU KALE</t>
  </si>
  <si>
    <t xml:space="preserve">Alsace                    </t>
  </si>
  <si>
    <t>CHOU POINTU</t>
  </si>
  <si>
    <t>CHOU RAVE</t>
  </si>
  <si>
    <t>ENDIVES</t>
  </si>
  <si>
    <t>ENDIVETTES DU NORD</t>
  </si>
  <si>
    <t xml:space="preserve">HARICOTS COCO </t>
  </si>
  <si>
    <t xml:space="preserve">OIGNON blanc </t>
  </si>
  <si>
    <t>PANAIS</t>
  </si>
  <si>
    <t>POMMES DE TERRE NICOLAS</t>
  </si>
  <si>
    <t>POMMES DE TERRE MONA LISA</t>
  </si>
  <si>
    <t>RUTABAGA</t>
  </si>
  <si>
    <t>SALADE BATAVIA</t>
  </si>
  <si>
    <t xml:space="preserve">France </t>
  </si>
  <si>
    <t>MAJ le 28/01/26</t>
  </si>
  <si>
    <t>Avocat mini Haas</t>
  </si>
  <si>
    <t>Poire conference</t>
  </si>
  <si>
    <t>Pommes JONAGOLD</t>
  </si>
  <si>
    <t>Pommes SANTANA</t>
  </si>
  <si>
    <t>Dattes branchées</t>
  </si>
  <si>
    <t>Noix de Cajou au Miel</t>
  </si>
  <si>
    <t>Miel</t>
  </si>
  <si>
    <t>Sauce tomate basilic (330g)</t>
  </si>
  <si>
    <t>Soupe de courgettes (1l)</t>
  </si>
  <si>
    <t>Soupe de potimarron curry (1l)</t>
  </si>
  <si>
    <t>Tartinade Arbocal</t>
  </si>
  <si>
    <t>SAC TISSUS</t>
  </si>
  <si>
    <t>3€ /P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_ ;\-0.00\ "/>
  </numFmts>
  <fonts count="18" x14ac:knownFonts="1">
    <font>
      <sz val="11"/>
      <color theme="1"/>
      <name val="Calibri"/>
      <scheme val="minor"/>
    </font>
    <font>
      <sz val="16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6"/>
      <name val="Calibri"/>
      <family val="2"/>
      <scheme val="minor"/>
    </font>
    <font>
      <b/>
      <u/>
      <sz val="14"/>
      <name val="Calibri"/>
      <family val="2"/>
      <scheme val="minor"/>
    </font>
    <font>
      <sz val="16"/>
      <color indexed="2"/>
      <name val="Calibri"/>
      <family val="2"/>
      <scheme val="minor"/>
    </font>
    <font>
      <sz val="14"/>
      <name val="Calibri"/>
      <family val="2"/>
      <scheme val="minor"/>
    </font>
    <font>
      <sz val="14"/>
      <name val="Calibri"/>
      <family val="2"/>
    </font>
    <font>
      <i/>
      <sz val="11"/>
      <color theme="1"/>
      <name val="Calibri"/>
      <family val="2"/>
      <scheme val="minor"/>
    </font>
    <font>
      <i/>
      <sz val="12"/>
      <color theme="1"/>
      <name val="Calibri"/>
      <family val="2"/>
      <scheme val="minor"/>
    </font>
    <font>
      <sz val="18"/>
      <color theme="1"/>
      <name val="Calibri"/>
      <family val="2"/>
      <scheme val="minor"/>
    </font>
    <font>
      <sz val="18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8"/>
      <color indexed="2"/>
      <name val="Calibri"/>
      <family val="2"/>
      <scheme val="minor"/>
    </font>
    <font>
      <b/>
      <sz val="16"/>
      <color theme="0"/>
      <name val="Calibri"/>
      <family val="2"/>
      <scheme val="minor"/>
    </font>
    <font>
      <sz val="16"/>
      <color rgb="FFFF0000"/>
      <name val="Calibri"/>
      <family val="2"/>
      <scheme val="minor"/>
    </font>
    <font>
      <sz val="18"/>
      <color rgb="FFFF0000"/>
      <name val="Calibri"/>
      <family val="2"/>
      <scheme val="minor"/>
    </font>
  </fonts>
  <fills count="9">
    <fill>
      <patternFill patternType="none"/>
    </fill>
    <fill>
      <patternFill patternType="gray125"/>
    </fill>
    <fill>
      <patternFill patternType="solid">
        <fgColor theme="9" tint="0.39997558519241921"/>
        <bgColor indexed="65"/>
      </patternFill>
    </fill>
    <fill>
      <patternFill patternType="solid">
        <fgColor theme="4" tint="-0.249977111117893"/>
        <bgColor theme="4" tint="-0.249977111117893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indexed="5"/>
        <bgColor indexed="5"/>
      </patternFill>
    </fill>
    <fill>
      <patternFill patternType="solid">
        <fgColor theme="4" tint="0.59999389629810485"/>
        <bgColor theme="4" tint="0.59999389629810485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</fills>
  <borders count="25">
    <border>
      <left/>
      <right/>
      <top/>
      <bottom/>
      <diagonal/>
    </border>
    <border>
      <left style="medium">
        <color theme="1"/>
      </left>
      <right style="medium">
        <color auto="1"/>
      </right>
      <top style="medium">
        <color theme="1"/>
      </top>
      <bottom style="medium">
        <color theme="1"/>
      </bottom>
      <diagonal/>
    </border>
    <border>
      <left style="medium">
        <color auto="1"/>
      </left>
      <right/>
      <top style="medium">
        <color theme="1"/>
      </top>
      <bottom style="medium">
        <color theme="1"/>
      </bottom>
      <diagonal/>
    </border>
    <border>
      <left style="medium">
        <color theme="1"/>
      </left>
      <right/>
      <top style="medium">
        <color theme="1"/>
      </top>
      <bottom style="medium">
        <color theme="1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ck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theme="1"/>
      </left>
      <right/>
      <top/>
      <bottom style="medium">
        <color auto="1"/>
      </bottom>
      <diagonal/>
    </border>
    <border>
      <left style="thick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theme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thin">
        <color theme="1"/>
      </left>
      <right style="medium">
        <color auto="1"/>
      </right>
      <top style="thin">
        <color theme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thin">
        <color theme="1"/>
      </top>
      <bottom style="medium">
        <color auto="1"/>
      </bottom>
      <diagonal/>
    </border>
    <border>
      <left style="medium">
        <color auto="1"/>
      </left>
      <right/>
      <top style="thin">
        <color theme="1"/>
      </top>
      <bottom style="medium">
        <color auto="1"/>
      </bottom>
      <diagonal/>
    </border>
    <border>
      <left style="thin">
        <color theme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/>
      <right style="thin">
        <color theme="1"/>
      </right>
      <top style="medium">
        <color auto="1"/>
      </top>
      <bottom style="medium">
        <color auto="1"/>
      </bottom>
      <diagonal/>
    </border>
    <border>
      <left style="thin">
        <color theme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theme="1"/>
      </left>
      <right style="medium">
        <color auto="1"/>
      </right>
      <top/>
      <bottom style="thin">
        <color theme="1"/>
      </bottom>
      <diagonal/>
    </border>
    <border>
      <left/>
      <right style="medium">
        <color theme="1"/>
      </right>
      <top style="medium">
        <color auto="1"/>
      </top>
      <bottom style="medium">
        <color auto="1"/>
      </bottom>
      <diagonal/>
    </border>
    <border>
      <left/>
      <right style="medium">
        <color theme="1"/>
      </right>
      <top style="medium">
        <color theme="1"/>
      </top>
      <bottom style="medium">
        <color theme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theme="1"/>
      </right>
      <top/>
      <bottom style="medium">
        <color auto="1"/>
      </bottom>
      <diagonal/>
    </border>
    <border>
      <left/>
      <right style="thin">
        <color theme="1"/>
      </right>
      <top style="thin">
        <color theme="1"/>
      </top>
      <bottom style="medium">
        <color auto="1"/>
      </bottom>
      <diagonal/>
    </border>
  </borders>
  <cellStyleXfs count="1">
    <xf numFmtId="0" fontId="0" fillId="0" borderId="0"/>
  </cellStyleXfs>
  <cellXfs count="65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164" fontId="1" fillId="0" borderId="0" xfId="0" applyNumberFormat="1" applyFont="1"/>
    <xf numFmtId="0" fontId="1" fillId="0" borderId="0" xfId="0" applyFont="1" applyProtection="1">
      <protection locked="0"/>
    </xf>
    <xf numFmtId="0" fontId="2" fillId="2" borderId="1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/>
    </xf>
    <xf numFmtId="0" fontId="3" fillId="3" borderId="4" xfId="0" applyFont="1" applyFill="1" applyBorder="1" applyAlignment="1" applyProtection="1">
      <alignment vertical="center"/>
      <protection locked="0"/>
    </xf>
    <xf numFmtId="0" fontId="4" fillId="0" borderId="0" xfId="0" applyFont="1"/>
    <xf numFmtId="0" fontId="1" fillId="0" borderId="5" xfId="0" applyFont="1" applyBorder="1" applyAlignment="1">
      <alignment wrapText="1"/>
    </xf>
    <xf numFmtId="164" fontId="1" fillId="0" borderId="6" xfId="0" applyNumberFormat="1" applyFont="1" applyBorder="1" applyAlignment="1">
      <alignment horizontal="left"/>
    </xf>
    <xf numFmtId="0" fontId="0" fillId="4" borderId="4" xfId="0" applyFill="1" applyBorder="1" applyProtection="1">
      <protection locked="0"/>
    </xf>
    <xf numFmtId="0" fontId="5" fillId="0" borderId="0" xfId="0" applyFont="1"/>
    <xf numFmtId="0" fontId="1" fillId="0" borderId="7" xfId="0" applyFont="1" applyBorder="1" applyAlignment="1">
      <alignment wrapText="1"/>
    </xf>
    <xf numFmtId="0" fontId="6" fillId="0" borderId="8" xfId="0" applyFont="1" applyBorder="1"/>
    <xf numFmtId="164" fontId="1" fillId="0" borderId="9" xfId="0" applyNumberFormat="1" applyFont="1" applyBorder="1" applyAlignment="1">
      <alignment horizontal="left"/>
    </xf>
    <xf numFmtId="0" fontId="7" fillId="0" borderId="0" xfId="0" applyFont="1"/>
    <xf numFmtId="0" fontId="8" fillId="0" borderId="0" xfId="0" applyFont="1"/>
    <xf numFmtId="0" fontId="4" fillId="0" borderId="8" xfId="0" applyFont="1" applyBorder="1"/>
    <xf numFmtId="0" fontId="9" fillId="0" borderId="0" xfId="0" applyFont="1"/>
    <xf numFmtId="0" fontId="1" fillId="0" borderId="7" xfId="0" applyFont="1" applyBorder="1" applyAlignment="1">
      <alignment horizontal="left" vertical="top"/>
    </xf>
    <xf numFmtId="0" fontId="10" fillId="0" borderId="0" xfId="0" applyFont="1" applyAlignment="1">
      <alignment wrapText="1"/>
    </xf>
    <xf numFmtId="0" fontId="0" fillId="0" borderId="0" xfId="0" applyProtection="1">
      <protection locked="0"/>
    </xf>
    <xf numFmtId="0" fontId="1" fillId="5" borderId="0" xfId="0" applyFont="1" applyFill="1" applyAlignment="1">
      <alignment wrapText="1"/>
    </xf>
    <xf numFmtId="0" fontId="1" fillId="5" borderId="0" xfId="0" applyFont="1" applyFill="1"/>
    <xf numFmtId="0" fontId="0" fillId="0" borderId="0" xfId="0" applyAlignment="1">
      <alignment horizontal="center"/>
    </xf>
    <xf numFmtId="0" fontId="3" fillId="2" borderId="11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11" fillId="0" borderId="14" xfId="0" applyFont="1" applyBorder="1" applyAlignment="1">
      <alignment wrapText="1"/>
    </xf>
    <xf numFmtId="0" fontId="11" fillId="0" borderId="15" xfId="0" applyFont="1" applyBorder="1" applyAlignment="1">
      <alignment vertical="center"/>
    </xf>
    <xf numFmtId="164" fontId="11" fillId="0" borderId="8" xfId="0" applyNumberFormat="1" applyFont="1" applyBorder="1" applyAlignment="1">
      <alignment horizontal="left" vertical="center"/>
    </xf>
    <xf numFmtId="164" fontId="11" fillId="0" borderId="16" xfId="0" applyNumberFormat="1" applyFont="1" applyBorder="1" applyAlignment="1">
      <alignment horizontal="left" vertical="center"/>
    </xf>
    <xf numFmtId="0" fontId="0" fillId="6" borderId="4" xfId="0" applyFill="1" applyBorder="1" applyProtection="1">
      <protection locked="0"/>
    </xf>
    <xf numFmtId="0" fontId="12" fillId="0" borderId="15" xfId="0" applyFont="1" applyBorder="1" applyAlignment="1">
      <alignment vertical="center"/>
    </xf>
    <xf numFmtId="0" fontId="14" fillId="0" borderId="18" xfId="0" applyFont="1" applyBorder="1"/>
    <xf numFmtId="164" fontId="11" fillId="0" borderId="8" xfId="0" applyNumberFormat="1" applyFont="1" applyBorder="1" applyAlignment="1">
      <alignment horizontal="left"/>
    </xf>
    <xf numFmtId="164" fontId="11" fillId="0" borderId="16" xfId="0" applyNumberFormat="1" applyFont="1" applyBorder="1" applyAlignment="1">
      <alignment horizontal="left"/>
    </xf>
    <xf numFmtId="0" fontId="11" fillId="0" borderId="18" xfId="0" applyFont="1" applyBorder="1"/>
    <xf numFmtId="0" fontId="0" fillId="0" borderId="0" xfId="0"/>
    <xf numFmtId="0" fontId="12" fillId="0" borderId="18" xfId="0" applyFont="1" applyBorder="1"/>
    <xf numFmtId="0" fontId="11" fillId="0" borderId="19" xfId="0" applyFont="1" applyBorder="1" applyAlignment="1">
      <alignment wrapText="1"/>
    </xf>
    <xf numFmtId="164" fontId="1" fillId="0" borderId="20" xfId="0" applyNumberFormat="1" applyFont="1" applyBorder="1" applyAlignment="1">
      <alignment horizontal="left"/>
    </xf>
    <xf numFmtId="0" fontId="15" fillId="0" borderId="0" xfId="0" applyFont="1" applyFill="1"/>
    <xf numFmtId="0" fontId="1" fillId="0" borderId="0" xfId="0" applyFont="1" applyFill="1"/>
    <xf numFmtId="0" fontId="4" fillId="0" borderId="8" xfId="0" applyFont="1" applyBorder="1" applyAlignment="1">
      <alignment vertical="top" wrapText="1"/>
    </xf>
    <xf numFmtId="164" fontId="11" fillId="0" borderId="8" xfId="0" quotePrefix="1" applyNumberFormat="1" applyFont="1" applyBorder="1" applyAlignment="1">
      <alignment horizontal="left" vertical="center"/>
    </xf>
    <xf numFmtId="0" fontId="15" fillId="0" borderId="0" xfId="0" applyFont="1" applyFill="1" applyAlignment="1"/>
    <xf numFmtId="0" fontId="2" fillId="2" borderId="3" xfId="0" applyFont="1" applyFill="1" applyBorder="1" applyAlignment="1">
      <alignment horizontal="center" vertical="center"/>
    </xf>
    <xf numFmtId="0" fontId="13" fillId="2" borderId="17" xfId="0" applyFont="1" applyFill="1" applyBorder="1" applyAlignment="1">
      <alignment horizontal="center" wrapText="1"/>
    </xf>
    <xf numFmtId="0" fontId="13" fillId="2" borderId="10" xfId="0" applyFont="1" applyFill="1" applyBorder="1" applyAlignment="1">
      <alignment horizontal="center" wrapText="1"/>
    </xf>
    <xf numFmtId="0" fontId="13" fillId="2" borderId="16" xfId="0" applyFont="1" applyFill="1" applyBorder="1" applyAlignment="1">
      <alignment horizontal="center" wrapText="1"/>
    </xf>
    <xf numFmtId="0" fontId="3" fillId="2" borderId="13" xfId="0" applyFont="1" applyFill="1" applyBorder="1" applyAlignment="1">
      <alignment horizontal="center" vertical="center"/>
    </xf>
    <xf numFmtId="0" fontId="2" fillId="2" borderId="21" xfId="0" applyFont="1" applyFill="1" applyBorder="1" applyAlignment="1">
      <alignment horizontal="center" vertical="center"/>
    </xf>
    <xf numFmtId="0" fontId="4" fillId="0" borderId="22" xfId="0" applyFont="1" applyBorder="1"/>
    <xf numFmtId="164" fontId="1" fillId="0" borderId="23" xfId="0" applyNumberFormat="1" applyFont="1" applyBorder="1" applyAlignment="1">
      <alignment horizontal="left"/>
    </xf>
    <xf numFmtId="0" fontId="1" fillId="7" borderId="7" xfId="0" applyFont="1" applyFill="1" applyBorder="1" applyAlignment="1">
      <alignment wrapText="1"/>
    </xf>
    <xf numFmtId="0" fontId="1" fillId="8" borderId="7" xfId="0" applyFont="1" applyFill="1" applyBorder="1" applyAlignment="1">
      <alignment wrapText="1"/>
    </xf>
    <xf numFmtId="0" fontId="16" fillId="0" borderId="8" xfId="0" applyFont="1" applyBorder="1"/>
    <xf numFmtId="0" fontId="1" fillId="8" borderId="7" xfId="0" applyFont="1" applyFill="1" applyBorder="1" applyAlignment="1">
      <alignment horizontal="left" vertical="top"/>
    </xf>
    <xf numFmtId="0" fontId="3" fillId="2" borderId="24" xfId="0" applyFont="1" applyFill="1" applyBorder="1" applyAlignment="1">
      <alignment horizontal="center" vertical="center"/>
    </xf>
    <xf numFmtId="0" fontId="11" fillId="7" borderId="14" xfId="0" applyFont="1" applyFill="1" applyBorder="1" applyAlignment="1">
      <alignment wrapText="1"/>
    </xf>
    <xf numFmtId="0" fontId="17" fillId="0" borderId="15" xfId="0" applyFont="1" applyBorder="1" applyAlignment="1">
      <alignment vertical="center"/>
    </xf>
    <xf numFmtId="0" fontId="11" fillId="7" borderId="14" xfId="0" applyFont="1" applyFill="1" applyBorder="1" applyAlignment="1">
      <alignment horizontal="left" vertical="center" wrapText="1"/>
    </xf>
    <xf numFmtId="0" fontId="11" fillId="8" borderId="14" xfId="0" applyFont="1" applyFill="1" applyBorder="1" applyAlignment="1">
      <alignment horizontal="left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Arial"/>
        <a:cs typeface="Arial"/>
      </a:majorFont>
      <a:minorFont>
        <a:latin typeface="Calibri"/>
        <a:ea typeface="Arial"/>
        <a:cs typeface="Arial"/>
      </a:minorFont>
    </a:fontScheme>
    <a:fmtScheme name="Office">
      <a:fillStyleLst>
        <a:solidFill>
          <a:schemeClr val="phClr"/>
        </a:solidFill>
        <a:gradFill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administration@escale-vittel.fr/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://administration@escale-vittel.fr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51"/>
  <sheetViews>
    <sheetView tabSelected="1" zoomScale="70" zoomScaleNormal="70" workbookViewId="0">
      <selection activeCell="F34" sqref="F34"/>
    </sheetView>
  </sheetViews>
  <sheetFormatPr baseColWidth="10" defaultColWidth="9.109375" defaultRowHeight="21" x14ac:dyDescent="0.4"/>
  <cols>
    <col min="1" max="1" width="67.109375" style="2" customWidth="1"/>
    <col min="2" max="2" width="23.5546875" style="1" bestFit="1" customWidth="1"/>
    <col min="3" max="3" width="9.6640625" style="3" customWidth="1"/>
    <col min="4" max="4" width="6.88671875" style="1" bestFit="1" customWidth="1"/>
    <col min="5" max="5" width="17.88671875" style="4" customWidth="1"/>
    <col min="6" max="16384" width="9.109375" style="1"/>
  </cols>
  <sheetData>
    <row r="1" spans="1:9" ht="21.6" thickBot="1" x14ac:dyDescent="0.45">
      <c r="A1" s="5" t="s">
        <v>0</v>
      </c>
      <c r="B1" s="6" t="s">
        <v>1</v>
      </c>
      <c r="C1" s="48" t="s">
        <v>2</v>
      </c>
      <c r="D1" s="53"/>
      <c r="E1" s="7" t="s">
        <v>3</v>
      </c>
      <c r="F1" s="8"/>
    </row>
    <row r="2" spans="1:9" ht="21.6" thickBot="1" x14ac:dyDescent="0.45">
      <c r="A2" s="9" t="s">
        <v>4</v>
      </c>
      <c r="B2" s="54" t="s">
        <v>5</v>
      </c>
      <c r="C2" s="10">
        <v>13</v>
      </c>
      <c r="D2" s="55" t="s">
        <v>6</v>
      </c>
      <c r="E2" s="11"/>
      <c r="G2" s="12" t="s">
        <v>7</v>
      </c>
    </row>
    <row r="3" spans="1:9" ht="21.6" thickBot="1" x14ac:dyDescent="0.45">
      <c r="A3" s="13" t="s">
        <v>49</v>
      </c>
      <c r="B3" s="14" t="s">
        <v>8</v>
      </c>
      <c r="C3" s="15">
        <v>3</v>
      </c>
      <c r="D3" s="42" t="s">
        <v>6</v>
      </c>
      <c r="E3" s="11"/>
      <c r="G3" s="16" t="s">
        <v>9</v>
      </c>
    </row>
    <row r="4" spans="1:9" ht="21.6" thickBot="1" x14ac:dyDescent="0.45">
      <c r="A4" s="56" t="s">
        <v>51</v>
      </c>
      <c r="B4" s="18" t="s">
        <v>5</v>
      </c>
      <c r="C4" s="15">
        <v>2</v>
      </c>
      <c r="D4" s="42" t="s">
        <v>6</v>
      </c>
      <c r="E4" s="11"/>
      <c r="G4" s="17" t="s">
        <v>10</v>
      </c>
    </row>
    <row r="5" spans="1:9" ht="21.6" thickBot="1" x14ac:dyDescent="0.45">
      <c r="A5" s="13" t="s">
        <v>55</v>
      </c>
      <c r="B5" s="18" t="s">
        <v>5</v>
      </c>
      <c r="C5" s="15">
        <v>2.4</v>
      </c>
      <c r="D5" s="42" t="s">
        <v>6</v>
      </c>
      <c r="E5" s="11"/>
      <c r="G5" s="16" t="s">
        <v>11</v>
      </c>
    </row>
    <row r="6" spans="1:9" ht="22.2" customHeight="1" thickBot="1" x14ac:dyDescent="0.45">
      <c r="A6" s="57" t="s">
        <v>57</v>
      </c>
      <c r="B6" s="18" t="s">
        <v>5</v>
      </c>
      <c r="C6" s="15">
        <v>2.2999999999999998</v>
      </c>
      <c r="D6" s="42" t="s">
        <v>13</v>
      </c>
      <c r="E6" s="11"/>
    </row>
    <row r="7" spans="1:9" ht="21.6" hidden="1" customHeight="1" thickBot="1" x14ac:dyDescent="0.45">
      <c r="A7" s="13" t="s">
        <v>63</v>
      </c>
      <c r="B7" s="14" t="s">
        <v>8</v>
      </c>
      <c r="C7" s="15">
        <v>5</v>
      </c>
      <c r="D7" s="42" t="s">
        <v>6</v>
      </c>
      <c r="E7" s="11"/>
    </row>
    <row r="8" spans="1:9" ht="21.6" hidden="1" customHeight="1" thickBot="1" x14ac:dyDescent="0.45">
      <c r="A8" s="13" t="s">
        <v>65</v>
      </c>
      <c r="B8" s="14" t="s">
        <v>8</v>
      </c>
      <c r="C8" s="15">
        <v>3</v>
      </c>
      <c r="D8" s="42" t="s">
        <v>6</v>
      </c>
      <c r="E8" s="11"/>
    </row>
    <row r="9" spans="1:9" ht="22.2" hidden="1" customHeight="1" thickBot="1" x14ac:dyDescent="0.45">
      <c r="A9" s="13" t="s">
        <v>66</v>
      </c>
      <c r="B9" s="14" t="s">
        <v>8</v>
      </c>
      <c r="C9" s="15">
        <v>3</v>
      </c>
      <c r="D9" s="42" t="s">
        <v>6</v>
      </c>
      <c r="E9" s="11"/>
    </row>
    <row r="10" spans="1:9" ht="22.2" hidden="1" customHeight="1" thickBot="1" x14ac:dyDescent="0.45">
      <c r="A10" s="13" t="s">
        <v>52</v>
      </c>
      <c r="B10" s="18" t="s">
        <v>64</v>
      </c>
      <c r="C10" s="15">
        <v>3</v>
      </c>
      <c r="D10" s="42" t="s">
        <v>6</v>
      </c>
      <c r="E10" s="11"/>
    </row>
    <row r="11" spans="1:9" ht="22.2" customHeight="1" thickBot="1" x14ac:dyDescent="0.45">
      <c r="A11" s="13" t="s">
        <v>52</v>
      </c>
      <c r="B11" s="18" t="s">
        <v>64</v>
      </c>
      <c r="C11" s="15">
        <v>3</v>
      </c>
      <c r="D11" s="42" t="s">
        <v>6</v>
      </c>
      <c r="E11" s="11"/>
    </row>
    <row r="12" spans="1:9" ht="30" customHeight="1" thickBot="1" x14ac:dyDescent="0.45">
      <c r="A12" s="13" t="s">
        <v>56</v>
      </c>
      <c r="B12" s="14" t="s">
        <v>8</v>
      </c>
      <c r="C12" s="15">
        <v>3</v>
      </c>
      <c r="D12" s="42" t="s">
        <v>6</v>
      </c>
      <c r="E12" s="11"/>
    </row>
    <row r="13" spans="1:9" ht="22.2" customHeight="1" thickBot="1" x14ac:dyDescent="0.45">
      <c r="A13" s="13" t="s">
        <v>58</v>
      </c>
      <c r="B13" s="18" t="s">
        <v>22</v>
      </c>
      <c r="C13" s="15">
        <v>3.5</v>
      </c>
      <c r="D13" s="42" t="s">
        <v>6</v>
      </c>
      <c r="E13" s="11"/>
      <c r="G13" s="19"/>
    </row>
    <row r="14" spans="1:9" ht="22.2" hidden="1" customHeight="1" thickBot="1" x14ac:dyDescent="0.45">
      <c r="A14" s="13" t="s">
        <v>14</v>
      </c>
      <c r="B14" s="14" t="s">
        <v>8</v>
      </c>
      <c r="C14" s="15">
        <v>5</v>
      </c>
      <c r="D14" s="42" t="s">
        <v>6</v>
      </c>
      <c r="E14" s="11"/>
      <c r="G14" s="47"/>
      <c r="H14" s="44"/>
      <c r="I14" s="44"/>
    </row>
    <row r="15" spans="1:9" ht="22.2" hidden="1" customHeight="1" thickBot="1" x14ac:dyDescent="0.45">
      <c r="A15" s="13" t="s">
        <v>67</v>
      </c>
      <c r="B15" s="18" t="s">
        <v>5</v>
      </c>
      <c r="C15" s="15">
        <v>6.9</v>
      </c>
      <c r="D15" s="42" t="s">
        <v>6</v>
      </c>
      <c r="E15" s="11"/>
      <c r="G15" s="47"/>
      <c r="H15" s="44"/>
      <c r="I15" s="44"/>
    </row>
    <row r="16" spans="1:9" ht="22.2" hidden="1" customHeight="1" thickBot="1" x14ac:dyDescent="0.45">
      <c r="A16" s="13" t="s">
        <v>68</v>
      </c>
      <c r="B16" s="18" t="s">
        <v>5</v>
      </c>
      <c r="C16" s="15">
        <v>5.5</v>
      </c>
      <c r="D16" s="42" t="s">
        <v>6</v>
      </c>
      <c r="E16" s="11"/>
      <c r="G16" s="43"/>
      <c r="H16" s="44"/>
      <c r="I16" s="44"/>
    </row>
    <row r="17" spans="1:9" ht="22.2" customHeight="1" thickBot="1" x14ac:dyDescent="0.45">
      <c r="A17" s="13" t="s">
        <v>14</v>
      </c>
      <c r="B17" s="58" t="s">
        <v>8</v>
      </c>
      <c r="C17" s="15">
        <v>5</v>
      </c>
      <c r="D17" s="42" t="s">
        <v>6</v>
      </c>
      <c r="E17" s="11"/>
      <c r="G17" s="43"/>
      <c r="H17" s="44"/>
      <c r="I17" s="44"/>
    </row>
    <row r="18" spans="1:9" ht="22.2" customHeight="1" thickBot="1" x14ac:dyDescent="0.45">
      <c r="A18" s="13" t="s">
        <v>67</v>
      </c>
      <c r="B18" s="18" t="s">
        <v>5</v>
      </c>
      <c r="C18" s="15">
        <v>6.9</v>
      </c>
      <c r="D18" s="42" t="s">
        <v>6</v>
      </c>
      <c r="E18" s="11"/>
      <c r="G18" s="43"/>
      <c r="H18" s="44"/>
      <c r="I18" s="44"/>
    </row>
    <row r="19" spans="1:9" ht="22.2" customHeight="1" thickBot="1" x14ac:dyDescent="0.45">
      <c r="A19" s="13" t="s">
        <v>68</v>
      </c>
      <c r="B19" s="18" t="s">
        <v>5</v>
      </c>
      <c r="C19" s="15">
        <v>5.5</v>
      </c>
      <c r="D19" s="42" t="s">
        <v>6</v>
      </c>
      <c r="E19" s="11"/>
      <c r="G19" s="43"/>
      <c r="H19" s="44"/>
      <c r="I19" s="44"/>
    </row>
    <row r="20" spans="1:9" ht="22.2" customHeight="1" thickBot="1" x14ac:dyDescent="0.45">
      <c r="A20" s="13" t="s">
        <v>69</v>
      </c>
      <c r="B20" s="14" t="s">
        <v>8</v>
      </c>
      <c r="C20" s="15">
        <v>10</v>
      </c>
      <c r="D20" s="42" t="s">
        <v>6</v>
      </c>
      <c r="E20" s="11"/>
      <c r="G20" s="43"/>
      <c r="H20" s="44"/>
      <c r="I20" s="44"/>
    </row>
    <row r="21" spans="1:9" ht="22.2" customHeight="1" thickBot="1" x14ac:dyDescent="0.45">
      <c r="A21" s="13" t="s">
        <v>53</v>
      </c>
      <c r="B21" s="14" t="s">
        <v>8</v>
      </c>
      <c r="C21" s="15">
        <v>3</v>
      </c>
      <c r="D21" s="42" t="s">
        <v>6</v>
      </c>
      <c r="E21" s="11"/>
      <c r="G21" s="43"/>
      <c r="H21" s="44"/>
      <c r="I21" s="44"/>
    </row>
    <row r="22" spans="1:9" ht="22.2" customHeight="1" thickBot="1" x14ac:dyDescent="0.45">
      <c r="A22" s="13" t="s">
        <v>70</v>
      </c>
      <c r="B22" s="14" t="s">
        <v>8</v>
      </c>
      <c r="C22" s="15">
        <v>2</v>
      </c>
      <c r="D22" s="42" t="s">
        <v>6</v>
      </c>
      <c r="E22" s="11"/>
    </row>
    <row r="23" spans="1:9" ht="22.2" customHeight="1" thickBot="1" x14ac:dyDescent="0.45">
      <c r="A23" s="13" t="s">
        <v>48</v>
      </c>
      <c r="B23" s="14" t="s">
        <v>8</v>
      </c>
      <c r="C23" s="15">
        <v>3.3</v>
      </c>
      <c r="D23" s="42" t="s">
        <v>6</v>
      </c>
      <c r="E23" s="11"/>
    </row>
    <row r="24" spans="1:9" ht="22.2" customHeight="1" thickBot="1" x14ac:dyDescent="0.45">
      <c r="A24" s="13" t="s">
        <v>54</v>
      </c>
      <c r="B24" s="58" t="s">
        <v>8</v>
      </c>
      <c r="C24" s="15">
        <v>2.8</v>
      </c>
      <c r="D24" s="42" t="s">
        <v>6</v>
      </c>
      <c r="E24" s="11"/>
    </row>
    <row r="25" spans="1:9" ht="22.2" customHeight="1" thickBot="1" x14ac:dyDescent="0.45">
      <c r="A25" s="56" t="s">
        <v>15</v>
      </c>
      <c r="B25" s="18" t="s">
        <v>5</v>
      </c>
      <c r="C25" s="15">
        <v>3.9</v>
      </c>
      <c r="D25" s="42" t="s">
        <v>6</v>
      </c>
      <c r="E25" s="11"/>
    </row>
    <row r="26" spans="1:9" ht="22.2" customHeight="1" thickBot="1" x14ac:dyDescent="0.45">
      <c r="A26" s="56" t="s">
        <v>71</v>
      </c>
      <c r="B26" s="18" t="s">
        <v>64</v>
      </c>
      <c r="C26" s="15">
        <v>3.4</v>
      </c>
      <c r="D26" s="42" t="s">
        <v>6</v>
      </c>
      <c r="E26" s="11"/>
    </row>
    <row r="27" spans="1:9" ht="22.2" customHeight="1" thickBot="1" x14ac:dyDescent="0.45">
      <c r="A27" s="57" t="s">
        <v>62</v>
      </c>
      <c r="B27" s="18" t="s">
        <v>5</v>
      </c>
      <c r="C27" s="15">
        <v>2.9</v>
      </c>
      <c r="D27" s="42" t="s">
        <v>6</v>
      </c>
      <c r="E27" s="11"/>
    </row>
    <row r="28" spans="1:9" ht="22.2" customHeight="1" thickBot="1" x14ac:dyDescent="0.45">
      <c r="A28" s="20" t="s">
        <v>72</v>
      </c>
      <c r="B28" s="45" t="s">
        <v>22</v>
      </c>
      <c r="C28" s="15">
        <v>2</v>
      </c>
      <c r="D28" s="42" t="s">
        <v>6</v>
      </c>
      <c r="E28" s="11"/>
    </row>
    <row r="29" spans="1:9" ht="22.2" customHeight="1" thickBot="1" x14ac:dyDescent="0.45">
      <c r="A29" s="20" t="s">
        <v>73</v>
      </c>
      <c r="B29" s="45" t="s">
        <v>22</v>
      </c>
      <c r="C29" s="15">
        <v>1.8</v>
      </c>
      <c r="D29" s="42" t="s">
        <v>6</v>
      </c>
      <c r="E29" s="11"/>
    </row>
    <row r="30" spans="1:9" ht="22.2" customHeight="1" thickBot="1" x14ac:dyDescent="0.45">
      <c r="A30" s="59" t="s">
        <v>74</v>
      </c>
      <c r="B30" s="14" t="s">
        <v>8</v>
      </c>
      <c r="C30" s="15">
        <v>2.8</v>
      </c>
      <c r="D30" s="42" t="s">
        <v>6</v>
      </c>
      <c r="E30" s="11"/>
    </row>
    <row r="31" spans="1:9" ht="22.2" customHeight="1" thickBot="1" x14ac:dyDescent="0.45">
      <c r="A31" s="57" t="s">
        <v>75</v>
      </c>
      <c r="B31" s="18" t="s">
        <v>76</v>
      </c>
      <c r="C31" s="15">
        <v>1.5</v>
      </c>
      <c r="D31" s="42" t="s">
        <v>13</v>
      </c>
      <c r="E31" s="11"/>
    </row>
    <row r="32" spans="1:9" ht="22.2" hidden="1" customHeight="1" thickBot="1" x14ac:dyDescent="0.4">
      <c r="A32" s="21" t="s">
        <v>77</v>
      </c>
      <c r="E32" s="22"/>
    </row>
    <row r="33" spans="1:5" ht="22.2" customHeight="1" x14ac:dyDescent="0.4">
      <c r="E33" s="22"/>
    </row>
    <row r="34" spans="1:5" ht="22.2" customHeight="1" x14ac:dyDescent="0.4">
      <c r="A34" s="23" t="s">
        <v>16</v>
      </c>
      <c r="B34" s="24" t="s">
        <v>17</v>
      </c>
      <c r="E34" s="22"/>
    </row>
    <row r="35" spans="1:5" ht="22.2" hidden="1" customHeight="1" thickBot="1" x14ac:dyDescent="0.4">
      <c r="A35" s="23" t="s">
        <v>18</v>
      </c>
      <c r="B35" s="24" t="s">
        <v>19</v>
      </c>
      <c r="E35" s="22"/>
    </row>
    <row r="36" spans="1:5" ht="22.2" customHeight="1" x14ac:dyDescent="0.4">
      <c r="A36" s="2" t="s">
        <v>89</v>
      </c>
      <c r="B36" s="1" t="s">
        <v>90</v>
      </c>
      <c r="E36" s="22"/>
    </row>
    <row r="37" spans="1:5" x14ac:dyDescent="0.4">
      <c r="E37" s="22"/>
    </row>
    <row r="38" spans="1:5" ht="22.2" customHeight="1" x14ac:dyDescent="0.4">
      <c r="E38" s="22"/>
    </row>
    <row r="39" spans="1:5" ht="17.25" customHeight="1" x14ac:dyDescent="0.4">
      <c r="E39" s="22"/>
    </row>
    <row r="40" spans="1:5" x14ac:dyDescent="0.4">
      <c r="E40" s="22"/>
    </row>
    <row r="41" spans="1:5" x14ac:dyDescent="0.4">
      <c r="E41" s="22"/>
    </row>
    <row r="42" spans="1:5" x14ac:dyDescent="0.4">
      <c r="E42" s="22"/>
    </row>
    <row r="43" spans="1:5" x14ac:dyDescent="0.4">
      <c r="E43" s="22"/>
    </row>
    <row r="44" spans="1:5" x14ac:dyDescent="0.4">
      <c r="E44" s="22"/>
    </row>
    <row r="45" spans="1:5" x14ac:dyDescent="0.4">
      <c r="E45" s="22"/>
    </row>
    <row r="46" spans="1:5" x14ac:dyDescent="0.4">
      <c r="E46" s="22"/>
    </row>
    <row r="47" spans="1:5" x14ac:dyDescent="0.4">
      <c r="E47" s="22"/>
    </row>
    <row r="48" spans="1:5" x14ac:dyDescent="0.4">
      <c r="E48" s="22"/>
    </row>
    <row r="49" spans="5:5" x14ac:dyDescent="0.4">
      <c r="E49" s="22"/>
    </row>
    <row r="50" spans="5:5" x14ac:dyDescent="0.4">
      <c r="E50" s="22"/>
    </row>
    <row r="51" spans="5:5" x14ac:dyDescent="0.4">
      <c r="E51" s="22"/>
    </row>
  </sheetData>
  <mergeCells count="1">
    <mergeCell ref="C1:D1"/>
  </mergeCells>
  <hyperlinks>
    <hyperlink ref="G4" r:id="rId1" xr:uid="{00000000-0004-0000-0000-000000000000}"/>
  </hyperlinks>
  <printOptions horizontalCentered="1" verticalCentered="1"/>
  <pageMargins left="0.25196850393700787" right="0.25196850393700787" top="0.75196850393700787" bottom="0.75196850393700787" header="0.3" footer="0.3"/>
  <pageSetup paperSize="9" scale="94" pageOrder="overThenDown" orientation="portrait" useFirstPageNumber="1" horizontalDpi="360" verticalDpi="360" r:id="rId2"/>
  <headerFooter>
    <oddFooter>&amp;LEscale&amp;CPage &amp;P&amp;R&amp;D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G38"/>
  <sheetViews>
    <sheetView zoomScale="70" zoomScaleNormal="70" workbookViewId="0">
      <selection activeCell="G29" sqref="G29"/>
    </sheetView>
  </sheetViews>
  <sheetFormatPr baseColWidth="10" defaultColWidth="51.109375" defaultRowHeight="14.4" x14ac:dyDescent="0.3"/>
  <cols>
    <col min="1" max="1" width="63" style="39" customWidth="1"/>
    <col min="2" max="2" width="27.6640625" style="25" bestFit="1" customWidth="1"/>
    <col min="3" max="3" width="11.44140625" style="39" customWidth="1"/>
    <col min="4" max="4" width="17.109375" style="39" bestFit="1" customWidth="1"/>
    <col min="5" max="5" width="17.88671875" style="22" customWidth="1"/>
    <col min="6" max="6" width="10.33203125" customWidth="1"/>
  </cols>
  <sheetData>
    <row r="1" spans="1:7" ht="18.600000000000001" thickBot="1" x14ac:dyDescent="0.35">
      <c r="A1" s="26" t="s">
        <v>0</v>
      </c>
      <c r="B1" s="27" t="s">
        <v>1</v>
      </c>
      <c r="C1" s="52" t="s">
        <v>2</v>
      </c>
      <c r="D1" s="60"/>
      <c r="E1" s="7" t="s">
        <v>3</v>
      </c>
      <c r="F1" s="28"/>
    </row>
    <row r="2" spans="1:7" ht="24" thickBot="1" x14ac:dyDescent="0.5">
      <c r="A2" s="61" t="s">
        <v>78</v>
      </c>
      <c r="B2" s="62" t="s">
        <v>59</v>
      </c>
      <c r="C2" s="31">
        <v>5.5</v>
      </c>
      <c r="D2" s="32" t="s">
        <v>6</v>
      </c>
      <c r="E2" s="33"/>
      <c r="G2" s="12" t="s">
        <v>7</v>
      </c>
    </row>
    <row r="3" spans="1:7" ht="24" thickBot="1" x14ac:dyDescent="0.5">
      <c r="A3" s="61" t="s">
        <v>20</v>
      </c>
      <c r="B3" s="34" t="s">
        <v>59</v>
      </c>
      <c r="C3" s="31">
        <v>3</v>
      </c>
      <c r="D3" s="32" t="s">
        <v>6</v>
      </c>
      <c r="E3" s="33"/>
      <c r="G3" s="16" t="s">
        <v>9</v>
      </c>
    </row>
    <row r="4" spans="1:7" s="39" customFormat="1" ht="24" thickBot="1" x14ac:dyDescent="0.5">
      <c r="A4" s="61" t="s">
        <v>60</v>
      </c>
      <c r="B4" s="30" t="s">
        <v>59</v>
      </c>
      <c r="C4" s="31">
        <v>2.8</v>
      </c>
      <c r="D4" s="32" t="s">
        <v>6</v>
      </c>
      <c r="E4" s="33"/>
      <c r="G4" s="17" t="s">
        <v>10</v>
      </c>
    </row>
    <row r="5" spans="1:7" s="39" customFormat="1" ht="24" thickBot="1" x14ac:dyDescent="0.5">
      <c r="A5" s="61" t="s">
        <v>21</v>
      </c>
      <c r="B5" s="30" t="s">
        <v>5</v>
      </c>
      <c r="C5" s="31">
        <v>6.2</v>
      </c>
      <c r="D5" s="32" t="s">
        <v>6</v>
      </c>
      <c r="E5" s="33"/>
      <c r="G5" s="16" t="s">
        <v>11</v>
      </c>
    </row>
    <row r="6" spans="1:7" s="39" customFormat="1" ht="24" thickBot="1" x14ac:dyDescent="0.35">
      <c r="A6" s="64" t="s">
        <v>23</v>
      </c>
      <c r="B6" s="30" t="s">
        <v>59</v>
      </c>
      <c r="C6" s="31">
        <v>2.2000000000000002</v>
      </c>
      <c r="D6" s="32" t="s">
        <v>6</v>
      </c>
      <c r="E6" s="33"/>
      <c r="G6" s="19" t="s">
        <v>12</v>
      </c>
    </row>
    <row r="7" spans="1:7" s="39" customFormat="1" ht="24" thickBot="1" x14ac:dyDescent="0.35">
      <c r="A7" s="63" t="s">
        <v>79</v>
      </c>
      <c r="B7" s="34" t="s">
        <v>5</v>
      </c>
      <c r="C7" s="46">
        <v>3.5</v>
      </c>
      <c r="D7" s="32" t="s">
        <v>6</v>
      </c>
      <c r="E7" s="33"/>
    </row>
    <row r="8" spans="1:7" s="39" customFormat="1" ht="24" thickBot="1" x14ac:dyDescent="0.35">
      <c r="A8" s="64" t="s">
        <v>50</v>
      </c>
      <c r="B8" s="30" t="s">
        <v>59</v>
      </c>
      <c r="C8" s="31">
        <v>2.1</v>
      </c>
      <c r="D8" s="32" t="s">
        <v>6</v>
      </c>
      <c r="E8" s="33"/>
    </row>
    <row r="9" spans="1:7" s="39" customFormat="1" ht="24" thickBot="1" x14ac:dyDescent="0.35">
      <c r="A9" s="63" t="s">
        <v>80</v>
      </c>
      <c r="B9" s="30" t="s">
        <v>46</v>
      </c>
      <c r="C9" s="31">
        <v>3</v>
      </c>
      <c r="D9" s="32" t="s">
        <v>6</v>
      </c>
      <c r="E9" s="33"/>
      <c r="G9" s="19"/>
    </row>
    <row r="10" spans="1:7" s="39" customFormat="1" ht="24" thickBot="1" x14ac:dyDescent="0.35">
      <c r="A10" s="64" t="s">
        <v>81</v>
      </c>
      <c r="B10" s="30" t="s">
        <v>46</v>
      </c>
      <c r="C10" s="31">
        <v>2.8</v>
      </c>
      <c r="D10" s="32" t="s">
        <v>6</v>
      </c>
      <c r="E10" s="33"/>
      <c r="G10" s="19"/>
    </row>
    <row r="11" spans="1:7" s="39" customFormat="1" ht="24" thickBot="1" x14ac:dyDescent="0.5">
      <c r="A11" s="49" t="s">
        <v>24</v>
      </c>
      <c r="B11" s="50"/>
      <c r="C11" s="50"/>
      <c r="D11" s="51"/>
      <c r="E11" s="33"/>
      <c r="G11" s="19"/>
    </row>
    <row r="12" spans="1:7" s="39" customFormat="1" ht="24" thickBot="1" x14ac:dyDescent="0.5">
      <c r="A12" s="29" t="s">
        <v>25</v>
      </c>
      <c r="B12" s="38" t="s">
        <v>26</v>
      </c>
      <c r="C12" s="36">
        <v>18</v>
      </c>
      <c r="D12" s="37" t="s">
        <v>6</v>
      </c>
      <c r="E12" s="33"/>
    </row>
    <row r="13" spans="1:7" s="39" customFormat="1" ht="24" thickBot="1" x14ac:dyDescent="0.5">
      <c r="A13" s="29" t="s">
        <v>82</v>
      </c>
      <c r="B13" s="38" t="s">
        <v>61</v>
      </c>
      <c r="C13" s="36">
        <v>10</v>
      </c>
      <c r="D13" s="37" t="s">
        <v>6</v>
      </c>
      <c r="E13" s="33"/>
    </row>
    <row r="14" spans="1:7" s="39" customFormat="1" ht="24" thickBot="1" x14ac:dyDescent="0.5">
      <c r="A14" s="29" t="s">
        <v>27</v>
      </c>
      <c r="B14" s="38" t="s">
        <v>26</v>
      </c>
      <c r="C14" s="36">
        <v>18</v>
      </c>
      <c r="D14" s="37" t="s">
        <v>6</v>
      </c>
      <c r="E14" s="33"/>
      <c r="G14" s="19"/>
    </row>
    <row r="15" spans="1:7" ht="24" thickBot="1" x14ac:dyDescent="0.5">
      <c r="A15" s="29" t="s">
        <v>83</v>
      </c>
      <c r="B15" s="38" t="s">
        <v>28</v>
      </c>
      <c r="C15" s="36">
        <v>26</v>
      </c>
      <c r="D15" s="37" t="s">
        <v>6</v>
      </c>
      <c r="E15" s="33"/>
    </row>
    <row r="16" spans="1:7" ht="24" thickBot="1" x14ac:dyDescent="0.5">
      <c r="A16" s="49" t="s">
        <v>29</v>
      </c>
      <c r="B16" s="50"/>
      <c r="C16" s="50"/>
      <c r="D16" s="51"/>
      <c r="E16" s="33"/>
    </row>
    <row r="17" spans="1:5" ht="24" thickBot="1" x14ac:dyDescent="0.5">
      <c r="A17" s="29" t="s">
        <v>47</v>
      </c>
      <c r="B17" s="38" t="s">
        <v>22</v>
      </c>
      <c r="C17" s="36">
        <v>2.7</v>
      </c>
      <c r="D17" s="37" t="s">
        <v>30</v>
      </c>
      <c r="E17" s="33"/>
    </row>
    <row r="18" spans="1:5" ht="24" thickBot="1" x14ac:dyDescent="0.5">
      <c r="A18" s="29" t="s">
        <v>31</v>
      </c>
      <c r="B18" s="38" t="s">
        <v>22</v>
      </c>
      <c r="C18" s="36">
        <v>4.2</v>
      </c>
      <c r="D18" s="37" t="s">
        <v>30</v>
      </c>
      <c r="E18" s="33"/>
    </row>
    <row r="19" spans="1:5" s="39" customFormat="1" ht="24" thickBot="1" x14ac:dyDescent="0.5">
      <c r="A19" s="49" t="s">
        <v>32</v>
      </c>
      <c r="B19" s="50"/>
      <c r="C19" s="50"/>
      <c r="D19" s="51"/>
      <c r="E19" s="33"/>
    </row>
    <row r="20" spans="1:5" ht="24" thickBot="1" x14ac:dyDescent="0.5">
      <c r="A20" s="29" t="s">
        <v>33</v>
      </c>
      <c r="B20" s="35" t="s">
        <v>34</v>
      </c>
      <c r="C20" s="36">
        <v>3.1</v>
      </c>
      <c r="D20" s="37" t="s">
        <v>35</v>
      </c>
      <c r="E20" s="33"/>
    </row>
    <row r="21" spans="1:5" ht="24" thickBot="1" x14ac:dyDescent="0.5">
      <c r="A21" s="29" t="s">
        <v>36</v>
      </c>
      <c r="B21" s="35" t="s">
        <v>34</v>
      </c>
      <c r="C21" s="36">
        <v>4.5</v>
      </c>
      <c r="D21" s="37" t="s">
        <v>35</v>
      </c>
      <c r="E21" s="33"/>
    </row>
    <row r="22" spans="1:5" ht="24" thickBot="1" x14ac:dyDescent="0.5">
      <c r="A22" s="29" t="s">
        <v>37</v>
      </c>
      <c r="B22" s="35" t="s">
        <v>34</v>
      </c>
      <c r="C22" s="36">
        <v>4</v>
      </c>
      <c r="D22" s="37" t="s">
        <v>35</v>
      </c>
      <c r="E22" s="33"/>
    </row>
    <row r="23" spans="1:5" ht="24" thickBot="1" x14ac:dyDescent="0.5">
      <c r="A23" s="29" t="s">
        <v>84</v>
      </c>
      <c r="B23" s="40" t="s">
        <v>5</v>
      </c>
      <c r="C23" s="36">
        <v>11</v>
      </c>
      <c r="D23" s="37" t="s">
        <v>13</v>
      </c>
      <c r="E23" s="33"/>
    </row>
    <row r="24" spans="1:5" ht="24" thickBot="1" x14ac:dyDescent="0.5">
      <c r="A24" s="29" t="s">
        <v>38</v>
      </c>
      <c r="B24" s="35" t="s">
        <v>34</v>
      </c>
      <c r="C24" s="36">
        <v>3.8</v>
      </c>
      <c r="D24" s="37" t="s">
        <v>35</v>
      </c>
      <c r="E24" s="33"/>
    </row>
    <row r="25" spans="1:5" ht="21.75" customHeight="1" thickBot="1" x14ac:dyDescent="0.5">
      <c r="A25" s="29" t="s">
        <v>39</v>
      </c>
      <c r="B25" s="35" t="s">
        <v>34</v>
      </c>
      <c r="C25" s="36">
        <v>3.5</v>
      </c>
      <c r="D25" s="37" t="s">
        <v>35</v>
      </c>
      <c r="E25" s="33"/>
    </row>
    <row r="26" spans="1:5" ht="24" thickBot="1" x14ac:dyDescent="0.5">
      <c r="A26" s="29" t="s">
        <v>85</v>
      </c>
      <c r="B26" s="35" t="s">
        <v>34</v>
      </c>
      <c r="C26" s="36">
        <v>4.9000000000000004</v>
      </c>
      <c r="D26" s="37" t="s">
        <v>35</v>
      </c>
      <c r="E26" s="33"/>
    </row>
    <row r="27" spans="1:5" ht="24" thickBot="1" x14ac:dyDescent="0.5">
      <c r="A27" s="29" t="s">
        <v>40</v>
      </c>
      <c r="B27" s="38" t="s">
        <v>22</v>
      </c>
      <c r="C27" s="36">
        <v>8.3000000000000007</v>
      </c>
      <c r="D27" s="37" t="s">
        <v>35</v>
      </c>
      <c r="E27" s="33"/>
    </row>
    <row r="28" spans="1:5" ht="24" thickBot="1" x14ac:dyDescent="0.5">
      <c r="A28" s="29" t="s">
        <v>41</v>
      </c>
      <c r="B28" s="35" t="s">
        <v>34</v>
      </c>
      <c r="C28" s="36">
        <v>7</v>
      </c>
      <c r="D28" s="37" t="s">
        <v>30</v>
      </c>
      <c r="E28" s="33"/>
    </row>
    <row r="29" spans="1:5" s="39" customFormat="1" ht="24" thickBot="1" x14ac:dyDescent="0.5">
      <c r="A29" s="29" t="s">
        <v>86</v>
      </c>
      <c r="B29" s="35" t="s">
        <v>34</v>
      </c>
      <c r="C29" s="36">
        <v>7.4</v>
      </c>
      <c r="D29" s="37" t="s">
        <v>30</v>
      </c>
      <c r="E29" s="33"/>
    </row>
    <row r="30" spans="1:5" s="39" customFormat="1" ht="24" thickBot="1" x14ac:dyDescent="0.5">
      <c r="A30" s="29" t="s">
        <v>42</v>
      </c>
      <c r="B30" s="35" t="s">
        <v>34</v>
      </c>
      <c r="C30" s="36">
        <v>4.9000000000000004</v>
      </c>
      <c r="D30" s="37" t="s">
        <v>30</v>
      </c>
      <c r="E30" s="33"/>
    </row>
    <row r="31" spans="1:5" ht="24" thickBot="1" x14ac:dyDescent="0.5">
      <c r="A31" s="29" t="s">
        <v>87</v>
      </c>
      <c r="B31" s="35" t="s">
        <v>34</v>
      </c>
      <c r="C31" s="36">
        <v>7.7</v>
      </c>
      <c r="D31" s="37" t="s">
        <v>30</v>
      </c>
      <c r="E31" s="33"/>
    </row>
    <row r="32" spans="1:5" ht="24" thickBot="1" x14ac:dyDescent="0.5">
      <c r="A32" s="29" t="s">
        <v>43</v>
      </c>
      <c r="B32" s="38" t="s">
        <v>22</v>
      </c>
      <c r="C32" s="36">
        <v>6.2</v>
      </c>
      <c r="D32" s="37" t="s">
        <v>35</v>
      </c>
      <c r="E32" s="33"/>
    </row>
    <row r="33" spans="1:5" ht="24" thickBot="1" x14ac:dyDescent="0.5">
      <c r="A33" s="29" t="s">
        <v>88</v>
      </c>
      <c r="B33" s="38" t="s">
        <v>46</v>
      </c>
      <c r="C33" s="36">
        <v>4</v>
      </c>
      <c r="D33" s="37" t="s">
        <v>35</v>
      </c>
      <c r="E33" s="33"/>
    </row>
    <row r="34" spans="1:5" ht="25.5" customHeight="1" thickBot="1" x14ac:dyDescent="0.5">
      <c r="A34" s="29" t="s">
        <v>44</v>
      </c>
      <c r="B34" s="35" t="s">
        <v>34</v>
      </c>
      <c r="C34" s="36">
        <v>4.8</v>
      </c>
      <c r="D34" s="37" t="s">
        <v>35</v>
      </c>
      <c r="E34" s="33"/>
    </row>
    <row r="35" spans="1:5" ht="24" thickBot="1" x14ac:dyDescent="0.5">
      <c r="A35" s="41" t="s">
        <v>45</v>
      </c>
      <c r="B35" s="35" t="s">
        <v>34</v>
      </c>
      <c r="C35" s="36">
        <v>5.8</v>
      </c>
      <c r="D35" s="37" t="s">
        <v>30</v>
      </c>
      <c r="E35" s="33"/>
    </row>
    <row r="36" spans="1:5" ht="15.6" x14ac:dyDescent="0.3">
      <c r="A36" s="21" t="s">
        <v>77</v>
      </c>
    </row>
    <row r="38" spans="1:5" ht="15.6" x14ac:dyDescent="0.3">
      <c r="A38" s="21"/>
    </row>
  </sheetData>
  <mergeCells count="4">
    <mergeCell ref="A16:D16"/>
    <mergeCell ref="A19:D19"/>
    <mergeCell ref="C1:D1"/>
    <mergeCell ref="A11:D11"/>
  </mergeCells>
  <hyperlinks>
    <hyperlink ref="G4" r:id="rId1" xr:uid="{00000000-0004-0000-0100-000000000000}"/>
  </hyperlinks>
  <pageMargins left="0.25196850393700787" right="0.25196850393700787" top="0.27559055118110237" bottom="0.27559055118110237" header="0.3" footer="0.3"/>
  <pageSetup paperSize="9" scale="49" fitToWidth="0" orientation="portrait" useFirstPageNumber="1" horizontalDpi="360" verticalDpi="360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2</vt:i4>
      </vt:variant>
      <vt:variant>
        <vt:lpstr>Plages nommées</vt:lpstr>
      </vt:variant>
      <vt:variant>
        <vt:i4>1</vt:i4>
      </vt:variant>
    </vt:vector>
  </HeadingPairs>
  <TitlesOfParts>
    <vt:vector size="3" baseType="lpstr">
      <vt:lpstr>LEGUMES</vt:lpstr>
      <vt:lpstr>FRUITS</vt:lpstr>
      <vt:lpstr>LEGUMES!Zone_d_impressi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Escale</cp:lastModifiedBy>
  <cp:revision>45</cp:revision>
  <dcterms:created xsi:type="dcterms:W3CDTF">2015-06-05T18:19:34Z</dcterms:created>
  <dcterms:modified xsi:type="dcterms:W3CDTF">2026-01-29T11:27:58Z</dcterms:modified>
</cp:coreProperties>
</file>